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8\202605\5月データまとめ\旧データ\"/>
    </mc:Choice>
  </mc:AlternateContent>
  <xr:revisionPtr revIDLastSave="0" documentId="8_{A517D60F-B587-4599-8395-FCB40DB078B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HWC_20250501" sheetId="1" r:id="rId1"/>
  </sheets>
  <definedNames>
    <definedName name="_xlnm.Print_Area" localSheetId="0">鎌倉HWC_20250501!$A$1:$G$36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3" uniqueCount="128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２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6"/>
  <sheetViews>
    <sheetView showGridLines="0" tabSelected="1" topLeftCell="A23" zoomScale="91" zoomScaleNormal="91" zoomScaleSheetLayoutView="85" workbookViewId="0">
      <selection activeCell="C29" sqref="C29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31.296875" style="2" customWidth="1"/>
    <col min="4" max="4" width="34.59765625" style="2" customWidth="1"/>
    <col min="5" max="5" width="26.89843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27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1</v>
      </c>
      <c r="E14" s="9" t="s">
        <v>42</v>
      </c>
      <c r="F14" s="10"/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5</v>
      </c>
      <c r="C35" s="9" t="s">
        <v>122</v>
      </c>
      <c r="D35" s="9" t="s">
        <v>123</v>
      </c>
      <c r="E35" s="9" t="s">
        <v>124</v>
      </c>
      <c r="F35" s="5"/>
    </row>
    <row r="36" spans="2:6" ht="26.25" customHeight="1" x14ac:dyDescent="0.45">
      <c r="B36" s="3" t="s">
        <v>126</v>
      </c>
      <c r="C36" s="7"/>
      <c r="D36" s="7"/>
      <c r="E36" s="7"/>
      <c r="F36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5-25T05:55:27Z</dcterms:modified>
</cp:coreProperties>
</file>